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885"/>
  </bookViews>
  <sheets>
    <sheet name="参考1" sheetId="1" r:id="rId1"/>
  </sheets>
  <externalReferences>
    <externalReference r:id="rId2"/>
  </externalReferences>
  <definedNames>
    <definedName name="_Key1" localSheetId="0" hidden="1">#REF!</definedName>
    <definedName name="_Key1" hidden="1">#REF!</definedName>
    <definedName name="_Order1" hidden="1">255</definedName>
    <definedName name="_Sort" localSheetId="0" hidden="1">#REF!</definedName>
    <definedName name="_Sort" hidden="1">#REF!</definedName>
    <definedName name="_xlnm.Print_Area" localSheetId="0">参考1!$A$1:$K$85</definedName>
    <definedName name="月報">"グラフ 1"</definedName>
    <definedName name="市名">[1]様式1!$X$6:$X$9</definedName>
    <definedName name="第１表2011年10月分" localSheetId="0">#REF!</definedName>
    <definedName name="第１表2011年10月分">#REF!</definedName>
    <definedName name="第１表2011年11月分" localSheetId="0">#REF!</definedName>
    <definedName name="第１表2011年11月分">#REF!</definedName>
    <definedName name="第１表2011年１月分" localSheetId="0">#REF!</definedName>
    <definedName name="第１表2011年１月分">#REF!</definedName>
    <definedName name="第１表2011年２月分" localSheetId="0">#REF!</definedName>
    <definedName name="第１表2011年２月分">#REF!</definedName>
    <definedName name="第１表2011年３月分" localSheetId="0">#REF!</definedName>
    <definedName name="第１表2011年３月分">#REF!</definedName>
    <definedName name="第１表2011年４月分" localSheetId="0">#REF!</definedName>
    <definedName name="第１表2011年４月分">#REF!</definedName>
    <definedName name="第１表2011年５月分" localSheetId="0">#REF!</definedName>
    <definedName name="第１表2011年５月分">#REF!</definedName>
    <definedName name="第１表2011年６月分" localSheetId="0">#REF!</definedName>
    <definedName name="第１表2011年６月分">#REF!</definedName>
    <definedName name="第１表2011年７月分" localSheetId="0">#REF!</definedName>
    <definedName name="第１表2011年７月分">#REF!</definedName>
    <definedName name="第１表2011年８月分" localSheetId="0">#REF!</definedName>
    <definedName name="第１表2011年８月分">#REF!</definedName>
    <definedName name="第１表2011年９月分" localSheetId="0">#REF!</definedName>
    <definedName name="第１表2011年９月分">#REF!</definedName>
    <definedName name="第５表の１2011年10月分" localSheetId="0">#REF!</definedName>
    <definedName name="第５表の１2011年10月分">#REF!</definedName>
    <definedName name="第５表の１2011年11月分" localSheetId="0">#REF!</definedName>
    <definedName name="第５表の１2011年11月分">#REF!</definedName>
    <definedName name="第５表の１2011年12月分" localSheetId="0">#REF!</definedName>
    <definedName name="第５表の１2011年12月分">#REF!</definedName>
    <definedName name="第５表の１2011年１月分" localSheetId="0">#REF!</definedName>
    <definedName name="第５表の１2011年１月分">#REF!</definedName>
    <definedName name="第５表の１2011年２月分" localSheetId="0">#REF!</definedName>
    <definedName name="第５表の１2011年２月分">#REF!</definedName>
    <definedName name="第５表の１2011年３月分" localSheetId="0">#REF!</definedName>
    <definedName name="第５表の１2011年３月分">#REF!</definedName>
    <definedName name="第５表の１2011年４月分" localSheetId="0">#REF!</definedName>
    <definedName name="第５表の１2011年４月分">#REF!</definedName>
    <definedName name="第５表の１2011年５月分" localSheetId="0">#REF!</definedName>
    <definedName name="第５表の１2011年５月分">#REF!</definedName>
    <definedName name="第５表の１2011年６月分" localSheetId="0">#REF!</definedName>
    <definedName name="第５表の１2011年６月分">#REF!</definedName>
    <definedName name="第５表の１2011年７月分" localSheetId="0">#REF!</definedName>
    <definedName name="第５表の１2011年７月分">#REF!</definedName>
    <definedName name="第５表の１2011年８月分" localSheetId="0">#REF!</definedName>
    <definedName name="第５表の１2011年８月分">#REF!</definedName>
    <definedName name="第５表の１2011年９月分" localSheetId="0">#REF!</definedName>
    <definedName name="第５表の１2011年９月分">#REF!</definedName>
    <definedName name="第５表の２2011年10月分" localSheetId="0">#REF!</definedName>
    <definedName name="第５表の２2011年10月分">#REF!</definedName>
    <definedName name="第５表の２2011年11月分" localSheetId="0">#REF!</definedName>
    <definedName name="第５表の２2011年11月分">#REF!</definedName>
    <definedName name="第５表の２2011年12月分" localSheetId="0">#REF!</definedName>
    <definedName name="第５表の２2011年12月分">#REF!</definedName>
    <definedName name="第５表の２2011年１月分" localSheetId="0">#REF!</definedName>
    <definedName name="第５表の２2011年１月分">#REF!</definedName>
    <definedName name="第５表の２2011年２月分" localSheetId="0">#REF!</definedName>
    <definedName name="第５表の２2011年２月分">#REF!</definedName>
    <definedName name="第５表の２2011年３月分" localSheetId="0">#REF!</definedName>
    <definedName name="第５表の２2011年３月分">#REF!</definedName>
    <definedName name="第５表の２2011年４月分" localSheetId="0">#REF!</definedName>
    <definedName name="第５表の２2011年４月分">#REF!</definedName>
    <definedName name="第５表の２2011年５月分" localSheetId="0">#REF!</definedName>
    <definedName name="第５表の２2011年５月分">#REF!</definedName>
    <definedName name="第５表の２2011年６月分" localSheetId="0">#REF!</definedName>
    <definedName name="第５表の２2011年６月分">#REF!</definedName>
    <definedName name="第５表の２2011年７月分" localSheetId="0">#REF!</definedName>
    <definedName name="第５表の２2011年７月分">#REF!</definedName>
    <definedName name="第５表の２2011年８月分" localSheetId="0">#REF!</definedName>
    <definedName name="第５表の２2011年８月分">#REF!</definedName>
    <definedName name="第５表の２2011年９月分" localSheetId="0">#REF!</definedName>
    <definedName name="第５表の２2011年９月分">#REF!</definedName>
    <definedName name="平成23年１月" localSheetId="0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9" uniqueCount="83">
  <si>
    <t>人口と世帯</t>
    <rPh sb="0" eb="2">
      <t>ジンコウ</t>
    </rPh>
    <rPh sb="3" eb="5">
      <t>セタイ</t>
    </rPh>
    <phoneticPr fontId="2"/>
  </si>
  <si>
    <t>参考１</t>
    <rPh sb="0" eb="2">
      <t>サンコウ</t>
    </rPh>
    <phoneticPr fontId="2"/>
  </si>
  <si>
    <t>市区町村名</t>
    <rPh sb="0" eb="5">
      <t>シクチョウソンメイ</t>
    </rPh>
    <phoneticPr fontId="2"/>
  </si>
  <si>
    <t>人口</t>
    <rPh sb="0" eb="2">
      <t>ジンコウ</t>
    </rPh>
    <phoneticPr fontId="2"/>
  </si>
  <si>
    <t>世帯数</t>
    <rPh sb="0" eb="3">
      <t>セタイスウ</t>
    </rPh>
    <phoneticPr fontId="2"/>
  </si>
  <si>
    <t>１世帯
当たり人員</t>
    <rPh sb="1" eb="3">
      <t>セタイ</t>
    </rPh>
    <rPh sb="4" eb="5">
      <t>ア</t>
    </rPh>
    <rPh sb="7" eb="9">
      <t>ジンイン</t>
    </rPh>
    <phoneticPr fontId="2"/>
  </si>
  <si>
    <r>
      <t>人口密度
(1km</t>
    </r>
    <r>
      <rPr>
        <vertAlign val="superscript"/>
        <sz val="8"/>
        <color theme="1"/>
        <rFont val="HGPｺﾞｼｯｸM"/>
        <family val="3"/>
        <charset val="128"/>
      </rPr>
      <t>2</t>
    </r>
    <r>
      <rPr>
        <sz val="8"/>
        <color theme="1"/>
        <rFont val="HGPｺﾞｼｯｸM"/>
        <family val="3"/>
        <charset val="128"/>
      </rPr>
      <t>)</t>
    </r>
    <rPh sb="0" eb="2">
      <t>ジンコウ</t>
    </rPh>
    <rPh sb="2" eb="4">
      <t>ミツド</t>
    </rPh>
    <phoneticPr fontId="2"/>
  </si>
  <si>
    <t>女性100人
につき男性</t>
    <rPh sb="0" eb="2">
      <t>ジョセイ</t>
    </rPh>
    <rPh sb="5" eb="6">
      <t>ニン</t>
    </rPh>
    <rPh sb="10" eb="12">
      <t>ダンセイ</t>
    </rPh>
    <phoneticPr fontId="2"/>
  </si>
  <si>
    <t>人口総数
割合</t>
    <rPh sb="0" eb="4">
      <t>ジンコウソウスウ</t>
    </rPh>
    <rPh sb="5" eb="7">
      <t>ワリアイ</t>
    </rPh>
    <phoneticPr fontId="2"/>
  </si>
  <si>
    <t>総数</t>
    <rPh sb="0" eb="2">
      <t>ソウス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人</t>
    <rPh sb="0" eb="1">
      <t>ヒト</t>
    </rPh>
    <phoneticPr fontId="2"/>
  </si>
  <si>
    <t>世帯</t>
    <rPh sb="0" eb="2">
      <t>セタイ</t>
    </rPh>
    <phoneticPr fontId="2"/>
  </si>
  <si>
    <t>％</t>
    <phoneticPr fontId="2"/>
  </si>
  <si>
    <t>県計</t>
    <rPh sb="0" eb="2">
      <t>ケンケイ</t>
    </rPh>
    <phoneticPr fontId="2"/>
  </si>
  <si>
    <t>市部計</t>
    <rPh sb="0" eb="3">
      <t>シブケイ</t>
    </rPh>
    <phoneticPr fontId="2"/>
  </si>
  <si>
    <t>郡部計</t>
    <rPh sb="0" eb="2">
      <t>グンブ</t>
    </rPh>
    <rPh sb="2" eb="3">
      <t>ケイ</t>
    </rPh>
    <phoneticPr fontId="2"/>
  </si>
  <si>
    <t>横浜市</t>
    <rPh sb="0" eb="3">
      <t>ヨコハマシ</t>
    </rPh>
    <phoneticPr fontId="2"/>
  </si>
  <si>
    <t>鶴見区</t>
    <rPh sb="0" eb="3">
      <t>ツルミク</t>
    </rPh>
    <phoneticPr fontId="2"/>
  </si>
  <si>
    <t>神奈川区</t>
    <rPh sb="0" eb="4">
      <t>カナガワク</t>
    </rPh>
    <phoneticPr fontId="2"/>
  </si>
  <si>
    <t>西区</t>
    <rPh sb="0" eb="2">
      <t>ニシク</t>
    </rPh>
    <phoneticPr fontId="2"/>
  </si>
  <si>
    <t>中区</t>
    <rPh sb="0" eb="2">
      <t>ナカク</t>
    </rPh>
    <phoneticPr fontId="2"/>
  </si>
  <si>
    <t>南区</t>
    <rPh sb="0" eb="2">
      <t>ミナミク</t>
    </rPh>
    <phoneticPr fontId="2"/>
  </si>
  <si>
    <t>港南区</t>
    <rPh sb="0" eb="3">
      <t>コウナンク</t>
    </rPh>
    <phoneticPr fontId="2"/>
  </si>
  <si>
    <t>保土ケ谷区</t>
    <rPh sb="0" eb="1">
      <t>タモツ</t>
    </rPh>
    <rPh sb="1" eb="4">
      <t>ツチガヤ</t>
    </rPh>
    <rPh sb="4" eb="5">
      <t>ク</t>
    </rPh>
    <phoneticPr fontId="2"/>
  </si>
  <si>
    <t>旭区</t>
    <rPh sb="0" eb="2">
      <t>アサヒク</t>
    </rPh>
    <phoneticPr fontId="2"/>
  </si>
  <si>
    <t>磯子区</t>
    <rPh sb="0" eb="3">
      <t>イソゴク</t>
    </rPh>
    <phoneticPr fontId="2"/>
  </si>
  <si>
    <t>金沢区</t>
    <rPh sb="0" eb="3">
      <t>カナザワク</t>
    </rPh>
    <phoneticPr fontId="2"/>
  </si>
  <si>
    <t>港北区</t>
    <rPh sb="0" eb="3">
      <t>コウホクク</t>
    </rPh>
    <phoneticPr fontId="2"/>
  </si>
  <si>
    <t>緑区</t>
    <rPh sb="0" eb="2">
      <t>ミドリク</t>
    </rPh>
    <phoneticPr fontId="2"/>
  </si>
  <si>
    <t>青葉区</t>
    <rPh sb="0" eb="3">
      <t>アオバク</t>
    </rPh>
    <phoneticPr fontId="2"/>
  </si>
  <si>
    <t>都筑区</t>
    <rPh sb="0" eb="3">
      <t>ツヅキク</t>
    </rPh>
    <phoneticPr fontId="2"/>
  </si>
  <si>
    <t>戸塚区</t>
    <rPh sb="0" eb="3">
      <t>トツカク</t>
    </rPh>
    <phoneticPr fontId="2"/>
  </si>
  <si>
    <t>栄区</t>
    <rPh sb="0" eb="2">
      <t>サカエク</t>
    </rPh>
    <phoneticPr fontId="2"/>
  </si>
  <si>
    <t>泉区</t>
    <rPh sb="0" eb="2">
      <t>イズミク</t>
    </rPh>
    <phoneticPr fontId="2"/>
  </si>
  <si>
    <t>瀬谷区</t>
    <rPh sb="0" eb="3">
      <t>セヤク</t>
    </rPh>
    <phoneticPr fontId="2"/>
  </si>
  <si>
    <t>川崎市</t>
    <rPh sb="0" eb="3">
      <t>カワサキシ</t>
    </rPh>
    <phoneticPr fontId="2"/>
  </si>
  <si>
    <t>川崎区</t>
    <rPh sb="0" eb="3">
      <t>カワサキク</t>
    </rPh>
    <phoneticPr fontId="2"/>
  </si>
  <si>
    <t>幸区</t>
    <rPh sb="0" eb="2">
      <t>サイワイク</t>
    </rPh>
    <phoneticPr fontId="2"/>
  </si>
  <si>
    <t>中原区</t>
    <rPh sb="0" eb="3">
      <t>ナカハラク</t>
    </rPh>
    <phoneticPr fontId="2"/>
  </si>
  <si>
    <t>高津区</t>
    <rPh sb="0" eb="3">
      <t>タカツク</t>
    </rPh>
    <phoneticPr fontId="2"/>
  </si>
  <si>
    <t>宮前区</t>
    <rPh sb="0" eb="3">
      <t>ミヤマエク</t>
    </rPh>
    <phoneticPr fontId="2"/>
  </si>
  <si>
    <t>多摩区</t>
    <rPh sb="0" eb="3">
      <t>タマク</t>
    </rPh>
    <phoneticPr fontId="2"/>
  </si>
  <si>
    <t>麻生区</t>
    <rPh sb="0" eb="3">
      <t>アサオク</t>
    </rPh>
    <phoneticPr fontId="2"/>
  </si>
  <si>
    <t>相模原市</t>
    <rPh sb="0" eb="4">
      <t>サガミハラシ</t>
    </rPh>
    <phoneticPr fontId="2"/>
  </si>
  <si>
    <t>中央区</t>
    <rPh sb="0" eb="3">
      <t>チュウオウク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茅ヶ崎市</t>
    <rPh sb="0" eb="4">
      <t>チガサキシ</t>
    </rPh>
    <phoneticPr fontId="2"/>
  </si>
  <si>
    <t>逗子市</t>
    <rPh sb="0" eb="3">
      <t>ズシシ</t>
    </rPh>
    <phoneticPr fontId="2"/>
  </si>
  <si>
    <t>三浦市</t>
    <rPh sb="0" eb="3">
      <t>ミウラ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3">
      <t>ヤマト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南足柄市</t>
    <rPh sb="0" eb="4">
      <t>ミナミアシガラシ</t>
    </rPh>
    <phoneticPr fontId="2"/>
  </si>
  <si>
    <t>綾瀬市</t>
    <rPh sb="0" eb="3">
      <t>アヤセシ</t>
    </rPh>
    <phoneticPr fontId="2"/>
  </si>
  <si>
    <t>三浦郡葉山町</t>
    <rPh sb="0" eb="3">
      <t>ミウラグン</t>
    </rPh>
    <rPh sb="3" eb="6">
      <t>ハヤママチ</t>
    </rPh>
    <phoneticPr fontId="2"/>
  </si>
  <si>
    <t>高座郡寒川町</t>
    <rPh sb="0" eb="3">
      <t>コウザグン</t>
    </rPh>
    <rPh sb="3" eb="6">
      <t>サムカワマチ</t>
    </rPh>
    <phoneticPr fontId="2"/>
  </si>
  <si>
    <t>中郡</t>
    <rPh sb="0" eb="2">
      <t>ナカグン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足柄上郡</t>
    <rPh sb="0" eb="4">
      <t>アシガラカミグン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山北町</t>
    <rPh sb="0" eb="3">
      <t>ヤマキタマチ</t>
    </rPh>
    <phoneticPr fontId="2"/>
  </si>
  <si>
    <t>開成町</t>
    <rPh sb="0" eb="3">
      <t>カイセイマチ</t>
    </rPh>
    <phoneticPr fontId="2"/>
  </si>
  <si>
    <t>足柄下郡</t>
    <rPh sb="0" eb="4">
      <t>アシガラシモグン</t>
    </rPh>
    <phoneticPr fontId="2"/>
  </si>
  <si>
    <t>箱根町</t>
    <rPh sb="0" eb="3">
      <t>ハコネマチ</t>
    </rPh>
    <phoneticPr fontId="2"/>
  </si>
  <si>
    <t>真鶴町</t>
    <rPh sb="0" eb="3">
      <t>マナヅルマチ</t>
    </rPh>
    <phoneticPr fontId="2"/>
  </si>
  <si>
    <t>湯河原町</t>
    <rPh sb="0" eb="4">
      <t>ユガワラマチ</t>
    </rPh>
    <phoneticPr fontId="2"/>
  </si>
  <si>
    <t>愛甲郡</t>
    <rPh sb="0" eb="3">
      <t>アイコウグン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令和4年１月１日現在</t>
  </si>
  <si>
    <r>
      <rPr>
        <sz val="8"/>
        <color rgb="FF000000"/>
        <rFont val="Calibri"/>
        <family val="2"/>
      </rPr>
      <t>(</t>
    </r>
    <r>
      <rPr>
        <sz val="8"/>
        <color rgb="FF000000"/>
        <rFont val="HGPｺﾞｼｯｸM"/>
        <family val="3"/>
        <charset val="128"/>
      </rPr>
      <t>注</t>
    </r>
    <r>
      <rPr>
        <sz val="8"/>
        <color rgb="FF000000"/>
        <rFont val="Calibri"/>
        <family val="2"/>
      </rPr>
      <t>)</t>
    </r>
    <r>
      <rPr>
        <sz val="8"/>
        <color rgb="FF000000"/>
        <rFont val="HGPｺﾞｼｯｸM"/>
        <family val="3"/>
        <charset val="128"/>
      </rPr>
      <t>人口密度は、国土交通省国土地理院「全国都道府県市区町村別面積調（令和２年</t>
    </r>
    <r>
      <rPr>
        <sz val="8"/>
        <color rgb="FF000000"/>
        <rFont val="Calibri"/>
        <family val="2"/>
      </rPr>
      <t>10</t>
    </r>
    <r>
      <rPr>
        <sz val="8"/>
        <color rgb="FF000000"/>
        <rFont val="HGPｺﾞｼｯｸM"/>
        <family val="3"/>
        <charset val="128"/>
      </rPr>
      <t>月</t>
    </r>
    <r>
      <rPr>
        <sz val="8"/>
        <color rgb="FF000000"/>
        <rFont val="Calibri"/>
        <family val="2"/>
      </rPr>
      <t>1</t>
    </r>
    <r>
      <rPr>
        <sz val="8"/>
        <color rgb="FF000000"/>
        <rFont val="HGPｺﾞｼｯｸM"/>
        <family val="3"/>
        <charset val="128"/>
      </rPr>
      <t>日現在）」の数値に基づき算定。</t>
    </r>
    <rPh sb="35" eb="37">
      <t>レイ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_ "/>
    <numFmt numFmtId="177" formatCode="#,##0.00_ "/>
    <numFmt numFmtId="178" formatCode="#,##0.0_ "/>
  </numFmts>
  <fonts count="11" x14ac:knownFonts="1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vertAlign val="superscript"/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8"/>
      <color theme="1"/>
      <name val="HGPｺﾞｼｯｸM"/>
      <family val="3"/>
      <charset val="128"/>
    </font>
    <font>
      <sz val="7"/>
      <color rgb="FF000000"/>
      <name val="HGPｺﾞｼｯｸM"/>
      <family val="3"/>
      <charset val="128"/>
    </font>
    <font>
      <sz val="8"/>
      <color rgb="FF000000"/>
      <name val="HGPｺﾞｼｯｸM"/>
      <family val="3"/>
      <charset val="128"/>
    </font>
    <font>
      <sz val="8"/>
      <color rgb="FF000000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1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8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9" xfId="0" applyFont="1" applyBorder="1" applyAlignment="1">
      <alignment horizontal="center" vertical="center"/>
    </xf>
    <xf numFmtId="0" fontId="3" fillId="0" borderId="11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2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0" fontId="6" fillId="2" borderId="0" xfId="0" applyFont="1" applyFill="1" applyBorder="1">
      <alignment vertical="center"/>
    </xf>
    <xf numFmtId="176" fontId="6" fillId="2" borderId="12" xfId="0" applyNumberFormat="1" applyFont="1" applyFill="1" applyBorder="1">
      <alignment vertical="center"/>
    </xf>
    <xf numFmtId="177" fontId="6" fillId="2" borderId="12" xfId="0" applyNumberFormat="1" applyFont="1" applyFill="1" applyBorder="1">
      <alignment vertical="center"/>
    </xf>
    <xf numFmtId="178" fontId="6" fillId="2" borderId="12" xfId="0" applyNumberFormat="1" applyFont="1" applyFill="1" applyBorder="1">
      <alignment vertical="center"/>
    </xf>
    <xf numFmtId="178" fontId="6" fillId="2" borderId="13" xfId="0" applyNumberFormat="1" applyFont="1" applyFill="1" applyBorder="1">
      <alignment vertical="center"/>
    </xf>
    <xf numFmtId="0" fontId="3" fillId="0" borderId="0" xfId="0" applyFont="1" applyFill="1" applyBorder="1">
      <alignment vertical="center"/>
    </xf>
    <xf numFmtId="176" fontId="3" fillId="0" borderId="12" xfId="0" applyNumberFormat="1" applyFont="1" applyFill="1" applyBorder="1">
      <alignment vertical="center"/>
    </xf>
    <xf numFmtId="177" fontId="3" fillId="0" borderId="12" xfId="0" applyNumberFormat="1" applyFont="1" applyFill="1" applyBorder="1">
      <alignment vertical="center"/>
    </xf>
    <xf numFmtId="178" fontId="3" fillId="0" borderId="12" xfId="0" applyNumberFormat="1" applyFont="1" applyFill="1" applyBorder="1">
      <alignment vertical="center"/>
    </xf>
    <xf numFmtId="178" fontId="3" fillId="0" borderId="13" xfId="0" applyNumberFormat="1" applyFont="1" applyFill="1" applyBorder="1">
      <alignment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3" fillId="0" borderId="11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176" fontId="3" fillId="0" borderId="12" xfId="0" applyNumberFormat="1" applyFont="1" applyBorder="1">
      <alignment vertical="center"/>
    </xf>
    <xf numFmtId="177" fontId="3" fillId="0" borderId="12" xfId="0" applyNumberFormat="1" applyFont="1" applyBorder="1">
      <alignment vertical="center"/>
    </xf>
    <xf numFmtId="178" fontId="3" fillId="0" borderId="12" xfId="0" applyNumberFormat="1" applyFont="1" applyBorder="1">
      <alignment vertical="center"/>
    </xf>
    <xf numFmtId="178" fontId="3" fillId="0" borderId="13" xfId="0" applyNumberFormat="1" applyFont="1" applyBorder="1">
      <alignment vertical="center"/>
    </xf>
    <xf numFmtId="0" fontId="3" fillId="3" borderId="0" xfId="0" applyFont="1" applyFill="1" applyBorder="1">
      <alignment vertical="center"/>
    </xf>
    <xf numFmtId="176" fontId="3" fillId="3" borderId="12" xfId="0" applyNumberFormat="1" applyFont="1" applyFill="1" applyBorder="1">
      <alignment vertical="center"/>
    </xf>
    <xf numFmtId="177" fontId="3" fillId="3" borderId="12" xfId="0" applyNumberFormat="1" applyFont="1" applyFill="1" applyBorder="1">
      <alignment vertical="center"/>
    </xf>
    <xf numFmtId="178" fontId="3" fillId="3" borderId="12" xfId="0" applyNumberFormat="1" applyFont="1" applyFill="1" applyBorder="1">
      <alignment vertical="center"/>
    </xf>
    <xf numFmtId="178" fontId="3" fillId="3" borderId="13" xfId="0" applyNumberFormat="1" applyFont="1" applyFill="1" applyBorder="1">
      <alignment vertical="center"/>
    </xf>
    <xf numFmtId="0" fontId="3" fillId="0" borderId="14" xfId="0" applyFont="1" applyBorder="1">
      <alignment vertical="center"/>
    </xf>
    <xf numFmtId="0" fontId="3" fillId="0" borderId="1" xfId="0" applyFont="1" applyBorder="1">
      <alignment vertical="center"/>
    </xf>
    <xf numFmtId="176" fontId="3" fillId="0" borderId="15" xfId="0" applyNumberFormat="1" applyFont="1" applyBorder="1">
      <alignment vertical="center"/>
    </xf>
    <xf numFmtId="177" fontId="3" fillId="0" borderId="15" xfId="0" applyNumberFormat="1" applyFont="1" applyBorder="1">
      <alignment vertical="center"/>
    </xf>
    <xf numFmtId="0" fontId="3" fillId="0" borderId="16" xfId="0" applyFont="1" applyBorder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7" fillId="3" borderId="11" xfId="0" applyFont="1" applyFill="1" applyBorder="1" applyAlignment="1">
      <alignment horizontal="distributed" vertical="center"/>
    </xf>
    <xf numFmtId="0" fontId="7" fillId="3" borderId="0" xfId="0" applyFont="1" applyFill="1" applyBorder="1" applyAlignment="1">
      <alignment horizontal="distributed"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right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/>
    </xf>
    <xf numFmtId="0" fontId="5" fillId="2" borderId="11" xfId="0" applyFont="1" applyFill="1" applyBorder="1" applyAlignment="1">
      <alignment horizontal="distributed" vertical="center"/>
    </xf>
    <xf numFmtId="0" fontId="5" fillId="2" borderId="0" xfId="0" applyFont="1" applyFill="1" applyBorder="1" applyAlignment="1">
      <alignment horizontal="distributed" vertical="center"/>
    </xf>
    <xf numFmtId="0" fontId="7" fillId="0" borderId="11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distributed" vertical="center"/>
    </xf>
    <xf numFmtId="0" fontId="3" fillId="0" borderId="11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6"/>
  <dimension ref="A1:R86"/>
  <sheetViews>
    <sheetView tabSelected="1" view="pageBreakPreview" zoomScaleNormal="115" zoomScaleSheetLayoutView="100" workbookViewId="0">
      <selection sqref="A1:K1"/>
    </sheetView>
  </sheetViews>
  <sheetFormatPr defaultRowHeight="14.25" x14ac:dyDescent="0.15"/>
  <cols>
    <col min="1" max="1" width="1.7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18" ht="18.75" customHeight="1" x14ac:dyDescent="0.15">
      <c r="A1" s="39" t="s">
        <v>0</v>
      </c>
      <c r="B1" s="39"/>
      <c r="C1" s="39"/>
      <c r="D1" s="39"/>
      <c r="E1" s="39"/>
      <c r="F1" s="39"/>
      <c r="G1" s="39"/>
      <c r="H1" s="39"/>
      <c r="I1" s="39"/>
      <c r="J1" s="39"/>
      <c r="K1" s="39"/>
    </row>
    <row r="2" spans="1:18" ht="15" customHeight="1" thickBot="1" x14ac:dyDescent="0.2">
      <c r="A2" s="40" t="s">
        <v>1</v>
      </c>
      <c r="B2" s="40"/>
      <c r="C2" s="40"/>
      <c r="I2" s="41" t="s">
        <v>81</v>
      </c>
      <c r="J2" s="41"/>
      <c r="K2" s="41"/>
    </row>
    <row r="3" spans="1:18" ht="15" customHeight="1" x14ac:dyDescent="0.15">
      <c r="A3" s="42" t="s">
        <v>2</v>
      </c>
      <c r="B3" s="43"/>
      <c r="C3" s="43"/>
      <c r="D3" s="46" t="s">
        <v>3</v>
      </c>
      <c r="E3" s="46"/>
      <c r="F3" s="46"/>
      <c r="G3" s="47" t="s">
        <v>4</v>
      </c>
      <c r="H3" s="49" t="s">
        <v>5</v>
      </c>
      <c r="I3" s="49" t="s">
        <v>6</v>
      </c>
      <c r="J3" s="49" t="s">
        <v>7</v>
      </c>
      <c r="K3" s="50" t="s">
        <v>8</v>
      </c>
    </row>
    <row r="4" spans="1:18" ht="15" customHeight="1" x14ac:dyDescent="0.15">
      <c r="A4" s="44"/>
      <c r="B4" s="45"/>
      <c r="C4" s="45"/>
      <c r="D4" s="2" t="s">
        <v>9</v>
      </c>
      <c r="E4" s="2" t="s">
        <v>10</v>
      </c>
      <c r="F4" s="2" t="s">
        <v>11</v>
      </c>
      <c r="G4" s="48"/>
      <c r="H4" s="48"/>
      <c r="I4" s="48"/>
      <c r="J4" s="48"/>
      <c r="K4" s="51"/>
    </row>
    <row r="5" spans="1:18" ht="10.5" customHeight="1" x14ac:dyDescent="0.15">
      <c r="A5" s="3"/>
      <c r="B5" s="4"/>
      <c r="C5" s="4"/>
      <c r="D5" s="5" t="s">
        <v>12</v>
      </c>
      <c r="E5" s="5" t="s">
        <v>12</v>
      </c>
      <c r="F5" s="5" t="s">
        <v>12</v>
      </c>
      <c r="G5" s="5" t="s">
        <v>13</v>
      </c>
      <c r="H5" s="5" t="s">
        <v>12</v>
      </c>
      <c r="I5" s="5" t="s">
        <v>12</v>
      </c>
      <c r="J5" s="5"/>
      <c r="K5" s="6" t="s">
        <v>14</v>
      </c>
    </row>
    <row r="6" spans="1:18" ht="9.75" customHeight="1" x14ac:dyDescent="0.15">
      <c r="A6" s="52" t="s">
        <v>15</v>
      </c>
      <c r="B6" s="53"/>
      <c r="C6" s="7"/>
      <c r="D6" s="8">
        <v>9231177</v>
      </c>
      <c r="E6" s="8">
        <v>4579919</v>
      </c>
      <c r="F6" s="8">
        <v>4651258</v>
      </c>
      <c r="G6" s="8">
        <v>4266757</v>
      </c>
      <c r="H6" s="9">
        <v>2.1635113037841154</v>
      </c>
      <c r="I6" s="8">
        <v>3820.677452599426</v>
      </c>
      <c r="J6" s="10">
        <v>98.466242896007913</v>
      </c>
      <c r="K6" s="11">
        <v>100</v>
      </c>
    </row>
    <row r="7" spans="1:18" s="18" customFormat="1" ht="9.75" customHeight="1" x14ac:dyDescent="0.15">
      <c r="A7" s="54" t="s">
        <v>16</v>
      </c>
      <c r="B7" s="55"/>
      <c r="C7" s="12"/>
      <c r="D7" s="13">
        <v>8943901</v>
      </c>
      <c r="E7" s="13">
        <v>4438627</v>
      </c>
      <c r="F7" s="13">
        <v>4505274</v>
      </c>
      <c r="G7" s="13">
        <v>4144948</v>
      </c>
      <c r="H7" s="14">
        <v>2.1577836440891418</v>
      </c>
      <c r="I7" s="13">
        <v>4941.9551439669794</v>
      </c>
      <c r="J7" s="15">
        <v>98.520689307686951</v>
      </c>
      <c r="K7" s="16">
        <v>96.887980806781187</v>
      </c>
      <c r="L7" s="17"/>
      <c r="M7" s="17"/>
      <c r="N7" s="17"/>
      <c r="O7" s="17"/>
      <c r="P7" s="17"/>
      <c r="Q7" s="17"/>
      <c r="R7" s="17"/>
    </row>
    <row r="8" spans="1:18" s="18" customFormat="1" ht="9.75" customHeight="1" x14ac:dyDescent="0.15">
      <c r="A8" s="54" t="s">
        <v>17</v>
      </c>
      <c r="B8" s="55"/>
      <c r="C8" s="12"/>
      <c r="D8" s="13">
        <v>287276</v>
      </c>
      <c r="E8" s="13">
        <v>141292</v>
      </c>
      <c r="F8" s="13">
        <v>145984</v>
      </c>
      <c r="G8" s="13">
        <v>121809</v>
      </c>
      <c r="H8" s="14">
        <v>2.3584135819192342</v>
      </c>
      <c r="I8" s="13">
        <v>473.81042700928572</v>
      </c>
      <c r="J8" s="15">
        <v>96.7859491451118</v>
      </c>
      <c r="K8" s="16">
        <v>3.1120191932188059</v>
      </c>
      <c r="L8" s="17"/>
      <c r="M8" s="17"/>
      <c r="N8" s="17"/>
      <c r="O8" s="17"/>
      <c r="P8" s="17"/>
      <c r="Q8" s="17"/>
      <c r="R8" s="17"/>
    </row>
    <row r="9" spans="1:18" ht="3.75" customHeight="1" x14ac:dyDescent="0.15">
      <c r="A9" s="19"/>
      <c r="B9" s="20"/>
      <c r="C9" s="4"/>
      <c r="D9" s="21"/>
      <c r="E9" s="21"/>
      <c r="F9" s="21"/>
      <c r="G9" s="21"/>
      <c r="H9" s="22"/>
      <c r="I9" s="21"/>
      <c r="J9" s="23"/>
      <c r="K9" s="24"/>
    </row>
    <row r="10" spans="1:18" ht="9.75" customHeight="1" x14ac:dyDescent="0.15">
      <c r="A10" s="37" t="s">
        <v>18</v>
      </c>
      <c r="B10" s="38"/>
      <c r="C10" s="25"/>
      <c r="D10" s="26">
        <v>3772029</v>
      </c>
      <c r="E10" s="26">
        <v>1862325</v>
      </c>
      <c r="F10" s="26">
        <v>1909704</v>
      </c>
      <c r="G10" s="26">
        <v>1766617</v>
      </c>
      <c r="H10" s="27">
        <v>2.1351707812163023</v>
      </c>
      <c r="I10" s="26">
        <v>8617.6441022594881</v>
      </c>
      <c r="J10" s="28">
        <v>97.519039599854224</v>
      </c>
      <c r="K10" s="29">
        <v>40.861842428110741</v>
      </c>
    </row>
    <row r="11" spans="1:18" ht="9.75" customHeight="1" x14ac:dyDescent="0.15">
      <c r="A11" s="19"/>
      <c r="B11" s="20" t="s">
        <v>19</v>
      </c>
      <c r="C11" s="4"/>
      <c r="D11" s="21">
        <v>295580</v>
      </c>
      <c r="E11" s="21">
        <v>152335</v>
      </c>
      <c r="F11" s="21">
        <v>143245</v>
      </c>
      <c r="G11" s="21">
        <v>145521</v>
      </c>
      <c r="H11" s="22">
        <v>2.0311845025803836</v>
      </c>
      <c r="I11" s="21">
        <v>8894.974420704184</v>
      </c>
      <c r="J11" s="23">
        <v>106.34577123110753</v>
      </c>
      <c r="K11" s="24">
        <v>3.2019752194113495</v>
      </c>
    </row>
    <row r="12" spans="1:18" ht="9.75" customHeight="1" x14ac:dyDescent="0.15">
      <c r="A12" s="19"/>
      <c r="B12" s="20" t="s">
        <v>20</v>
      </c>
      <c r="C12" s="4"/>
      <c r="D12" s="21">
        <v>247444</v>
      </c>
      <c r="E12" s="21">
        <v>126161</v>
      </c>
      <c r="F12" s="21">
        <v>121283</v>
      </c>
      <c r="G12" s="21">
        <v>130387</v>
      </c>
      <c r="H12" s="22">
        <v>1.8977658815679477</v>
      </c>
      <c r="I12" s="21">
        <v>10431.871838111299</v>
      </c>
      <c r="J12" s="23">
        <v>104.02199813658963</v>
      </c>
      <c r="K12" s="24">
        <v>2.6805249211449418</v>
      </c>
    </row>
    <row r="13" spans="1:18" ht="9.75" customHeight="1" x14ac:dyDescent="0.15">
      <c r="A13" s="19"/>
      <c r="B13" s="20" t="s">
        <v>21</v>
      </c>
      <c r="C13" s="4"/>
      <c r="D13" s="21">
        <v>104483</v>
      </c>
      <c r="E13" s="21">
        <v>52764</v>
      </c>
      <c r="F13" s="21">
        <v>51719</v>
      </c>
      <c r="G13" s="21">
        <v>57244</v>
      </c>
      <c r="H13" s="22">
        <v>1.8252218573125567</v>
      </c>
      <c r="I13" s="21">
        <v>14862.446657183498</v>
      </c>
      <c r="J13" s="23">
        <v>102.0205340397146</v>
      </c>
      <c r="K13" s="24">
        <v>1.1318491672297042</v>
      </c>
    </row>
    <row r="14" spans="1:18" ht="9.75" customHeight="1" x14ac:dyDescent="0.15">
      <c r="A14" s="19"/>
      <c r="B14" s="20" t="s">
        <v>22</v>
      </c>
      <c r="C14" s="4"/>
      <c r="D14" s="21">
        <v>150271</v>
      </c>
      <c r="E14" s="21">
        <v>76475</v>
      </c>
      <c r="F14" s="21">
        <v>73796</v>
      </c>
      <c r="G14" s="21">
        <v>84877</v>
      </c>
      <c r="H14" s="22">
        <v>1.770456071727323</v>
      </c>
      <c r="I14" s="21">
        <v>7008.9085820895516</v>
      </c>
      <c r="J14" s="23">
        <v>103.6302780638517</v>
      </c>
      <c r="K14" s="24">
        <v>1.6278639224445595</v>
      </c>
    </row>
    <row r="15" spans="1:18" ht="9.75" customHeight="1" x14ac:dyDescent="0.15">
      <c r="A15" s="19"/>
      <c r="B15" s="20" t="s">
        <v>23</v>
      </c>
      <c r="C15" s="4"/>
      <c r="D15" s="21">
        <v>197517</v>
      </c>
      <c r="E15" s="21">
        <v>98564</v>
      </c>
      <c r="F15" s="21">
        <v>98953</v>
      </c>
      <c r="G15" s="21">
        <v>104546</v>
      </c>
      <c r="H15" s="22">
        <v>1.889283186348593</v>
      </c>
      <c r="I15" s="21">
        <v>15613.99209486166</v>
      </c>
      <c r="J15" s="23">
        <v>99.606884076278632</v>
      </c>
      <c r="K15" s="24">
        <v>2.1396729799461109</v>
      </c>
    </row>
    <row r="16" spans="1:18" ht="9.75" customHeight="1" x14ac:dyDescent="0.15">
      <c r="A16" s="19"/>
      <c r="B16" s="20" t="s">
        <v>24</v>
      </c>
      <c r="C16" s="4"/>
      <c r="D16" s="21">
        <v>215222</v>
      </c>
      <c r="E16" s="21">
        <v>104900</v>
      </c>
      <c r="F16" s="21">
        <v>110322</v>
      </c>
      <c r="G16" s="21">
        <v>96561</v>
      </c>
      <c r="H16" s="22">
        <v>2.2288708691914954</v>
      </c>
      <c r="I16" s="21">
        <v>10815.175879396986</v>
      </c>
      <c r="J16" s="23">
        <v>95.085295770562539</v>
      </c>
      <c r="K16" s="24">
        <v>2.3314686740379913</v>
      </c>
    </row>
    <row r="17" spans="1:11" ht="9.75" customHeight="1" x14ac:dyDescent="0.15">
      <c r="A17" s="19"/>
      <c r="B17" s="20" t="s">
        <v>25</v>
      </c>
      <c r="C17" s="4"/>
      <c r="D17" s="21">
        <v>206631</v>
      </c>
      <c r="E17" s="21">
        <v>101211</v>
      </c>
      <c r="F17" s="21">
        <v>105420</v>
      </c>
      <c r="G17" s="21">
        <v>99615</v>
      </c>
      <c r="H17" s="22">
        <v>2.0742960397530492</v>
      </c>
      <c r="I17" s="21">
        <v>9422.2982216142263</v>
      </c>
      <c r="J17" s="23">
        <v>96.007398975526471</v>
      </c>
      <c r="K17" s="24">
        <v>2.2384036185201519</v>
      </c>
    </row>
    <row r="18" spans="1:11" ht="9.75" customHeight="1" x14ac:dyDescent="0.15">
      <c r="A18" s="19"/>
      <c r="B18" s="20" t="s">
        <v>26</v>
      </c>
      <c r="C18" s="4"/>
      <c r="D18" s="21">
        <v>243359</v>
      </c>
      <c r="E18" s="21">
        <v>117399</v>
      </c>
      <c r="F18" s="21">
        <v>125960</v>
      </c>
      <c r="G18" s="21">
        <v>107254</v>
      </c>
      <c r="H18" s="22">
        <v>2.268996960486322</v>
      </c>
      <c r="I18" s="21">
        <v>7435.3498319584487</v>
      </c>
      <c r="J18" s="23">
        <v>93.203397904096548</v>
      </c>
      <c r="K18" s="24">
        <v>2.6362727093197322</v>
      </c>
    </row>
    <row r="19" spans="1:11" ht="9.75" customHeight="1" x14ac:dyDescent="0.15">
      <c r="A19" s="19"/>
      <c r="B19" s="20" t="s">
        <v>27</v>
      </c>
      <c r="C19" s="4"/>
      <c r="D19" s="21">
        <v>166260</v>
      </c>
      <c r="E19" s="21">
        <v>81745</v>
      </c>
      <c r="F19" s="21">
        <v>84515</v>
      </c>
      <c r="G19" s="21">
        <v>79156</v>
      </c>
      <c r="H19" s="22">
        <v>2.1004093183081509</v>
      </c>
      <c r="I19" s="21">
        <v>8727.5590551181103</v>
      </c>
      <c r="J19" s="23">
        <v>96.722475300242564</v>
      </c>
      <c r="K19" s="24">
        <v>1.8010704377134139</v>
      </c>
    </row>
    <row r="20" spans="1:11" ht="9.75" customHeight="1" x14ac:dyDescent="0.15">
      <c r="A20" s="19"/>
      <c r="B20" s="20" t="s">
        <v>28</v>
      </c>
      <c r="C20" s="4"/>
      <c r="D20" s="21">
        <v>197646</v>
      </c>
      <c r="E20" s="21">
        <v>96120</v>
      </c>
      <c r="F20" s="21">
        <v>101526</v>
      </c>
      <c r="G20" s="21">
        <v>90406</v>
      </c>
      <c r="H20" s="22">
        <v>2.1862044554564961</v>
      </c>
      <c r="I20" s="21">
        <v>6383.9147286821708</v>
      </c>
      <c r="J20" s="23">
        <v>94.675255599550852</v>
      </c>
      <c r="K20" s="24">
        <v>2.1410704182142757</v>
      </c>
    </row>
    <row r="21" spans="1:11" ht="9.75" customHeight="1" x14ac:dyDescent="0.15">
      <c r="A21" s="19"/>
      <c r="B21" s="20" t="s">
        <v>29</v>
      </c>
      <c r="C21" s="4"/>
      <c r="D21" s="21">
        <v>359521</v>
      </c>
      <c r="E21" s="21">
        <v>179335</v>
      </c>
      <c r="F21" s="21">
        <v>180186</v>
      </c>
      <c r="G21" s="21">
        <v>176936</v>
      </c>
      <c r="H21" s="22">
        <v>2.0319267983903786</v>
      </c>
      <c r="I21" s="21">
        <v>11449.713375796178</v>
      </c>
      <c r="J21" s="23">
        <v>99.527710254958762</v>
      </c>
      <c r="K21" s="24">
        <v>3.8946387876648885</v>
      </c>
    </row>
    <row r="22" spans="1:11" ht="9.75" customHeight="1" x14ac:dyDescent="0.15">
      <c r="A22" s="19"/>
      <c r="B22" s="20" t="s">
        <v>30</v>
      </c>
      <c r="C22" s="4"/>
      <c r="D22" s="21">
        <v>183222</v>
      </c>
      <c r="E22" s="21">
        <v>90027</v>
      </c>
      <c r="F22" s="21">
        <v>93195</v>
      </c>
      <c r="G22" s="21">
        <v>80278</v>
      </c>
      <c r="H22" s="22">
        <v>2.2823438551035151</v>
      </c>
      <c r="I22" s="21">
        <v>7182.3598588788709</v>
      </c>
      <c r="J22" s="23">
        <v>96.600676001931433</v>
      </c>
      <c r="K22" s="24">
        <v>1.9848173206948583</v>
      </c>
    </row>
    <row r="23" spans="1:11" ht="9.75" customHeight="1" x14ac:dyDescent="0.15">
      <c r="A23" s="19"/>
      <c r="B23" s="20" t="s">
        <v>31</v>
      </c>
      <c r="C23" s="4"/>
      <c r="D23" s="21">
        <v>311146</v>
      </c>
      <c r="E23" s="21">
        <v>150136</v>
      </c>
      <c r="F23" s="21">
        <v>161010</v>
      </c>
      <c r="G23" s="21">
        <v>134290</v>
      </c>
      <c r="H23" s="22">
        <v>2.3169707349765432</v>
      </c>
      <c r="I23" s="21">
        <v>8834.3554798410005</v>
      </c>
      <c r="J23" s="23">
        <v>93.246382212284956</v>
      </c>
      <c r="K23" s="24">
        <v>3.3705994371031993</v>
      </c>
    </row>
    <row r="24" spans="1:11" ht="9.75" customHeight="1" x14ac:dyDescent="0.15">
      <c r="A24" s="19"/>
      <c r="B24" s="20" t="s">
        <v>32</v>
      </c>
      <c r="C24" s="4"/>
      <c r="D24" s="21">
        <v>214891</v>
      </c>
      <c r="E24" s="21">
        <v>105270</v>
      </c>
      <c r="F24" s="21">
        <v>109621</v>
      </c>
      <c r="G24" s="21">
        <v>86320</v>
      </c>
      <c r="H24" s="22">
        <v>2.4894694161260427</v>
      </c>
      <c r="I24" s="21">
        <v>7710.4772156440613</v>
      </c>
      <c r="J24" s="23">
        <v>96.030869997536968</v>
      </c>
      <c r="K24" s="24">
        <v>2.3278829991018481</v>
      </c>
    </row>
    <row r="25" spans="1:11" ht="9.75" customHeight="1" x14ac:dyDescent="0.15">
      <c r="A25" s="19"/>
      <c r="B25" s="20" t="s">
        <v>33</v>
      </c>
      <c r="C25" s="4"/>
      <c r="D25" s="21">
        <v>284084</v>
      </c>
      <c r="E25" s="21">
        <v>138420</v>
      </c>
      <c r="F25" s="21">
        <v>145664</v>
      </c>
      <c r="G25" s="21">
        <v>123355</v>
      </c>
      <c r="H25" s="22">
        <v>2.3029792063556402</v>
      </c>
      <c r="I25" s="21">
        <v>7937.5244481698801</v>
      </c>
      <c r="J25" s="23">
        <v>95.026911247803156</v>
      </c>
      <c r="K25" s="24">
        <v>3.0774407207228287</v>
      </c>
    </row>
    <row r="26" spans="1:11" ht="9.75" customHeight="1" x14ac:dyDescent="0.15">
      <c r="A26" s="19"/>
      <c r="B26" s="20" t="s">
        <v>34</v>
      </c>
      <c r="C26" s="4"/>
      <c r="D26" s="21">
        <v>120613</v>
      </c>
      <c r="E26" s="21">
        <v>58765</v>
      </c>
      <c r="F26" s="21">
        <v>61848</v>
      </c>
      <c r="G26" s="21">
        <v>53366</v>
      </c>
      <c r="H26" s="22">
        <v>2.2601094329723046</v>
      </c>
      <c r="I26" s="21">
        <v>6512.5809935205189</v>
      </c>
      <c r="J26" s="23">
        <v>95.015198551287028</v>
      </c>
      <c r="K26" s="24">
        <v>1.3065831150242271</v>
      </c>
    </row>
    <row r="27" spans="1:11" ht="9.75" customHeight="1" x14ac:dyDescent="0.15">
      <c r="A27" s="19"/>
      <c r="B27" s="20" t="s">
        <v>35</v>
      </c>
      <c r="C27" s="4"/>
      <c r="D27" s="21">
        <v>152087</v>
      </c>
      <c r="E27" s="21">
        <v>73689</v>
      </c>
      <c r="F27" s="21">
        <v>78398</v>
      </c>
      <c r="G27" s="21">
        <v>63514</v>
      </c>
      <c r="H27" s="22">
        <v>2.3945429354158136</v>
      </c>
      <c r="I27" s="21">
        <v>6449.8303647158609</v>
      </c>
      <c r="J27" s="23">
        <v>93.993469221153603</v>
      </c>
      <c r="K27" s="24">
        <v>1.647536386746782</v>
      </c>
    </row>
    <row r="28" spans="1:11" ht="9.75" customHeight="1" x14ac:dyDescent="0.15">
      <c r="A28" s="19"/>
      <c r="B28" s="20" t="s">
        <v>36</v>
      </c>
      <c r="C28" s="4"/>
      <c r="D28" s="21">
        <v>122052</v>
      </c>
      <c r="E28" s="21">
        <v>59009</v>
      </c>
      <c r="F28" s="21">
        <v>63043</v>
      </c>
      <c r="G28" s="21">
        <v>52991</v>
      </c>
      <c r="H28" s="22">
        <v>2.3032590439886018</v>
      </c>
      <c r="I28" s="21">
        <v>7108.4449621432723</v>
      </c>
      <c r="J28" s="23">
        <v>93.60119283663532</v>
      </c>
      <c r="K28" s="24">
        <v>1.3221715930698761</v>
      </c>
    </row>
    <row r="29" spans="1:11" ht="3.75" customHeight="1" x14ac:dyDescent="0.15">
      <c r="A29" s="19"/>
      <c r="B29" s="20"/>
      <c r="C29" s="4"/>
      <c r="D29" s="21"/>
      <c r="E29" s="21"/>
      <c r="F29" s="21"/>
      <c r="G29" s="21"/>
      <c r="H29" s="22"/>
      <c r="I29" s="21"/>
      <c r="J29" s="23"/>
      <c r="K29" s="24"/>
    </row>
    <row r="30" spans="1:11" ht="9.75" customHeight="1" x14ac:dyDescent="0.15">
      <c r="A30" s="37" t="s">
        <v>37</v>
      </c>
      <c r="B30" s="38"/>
      <c r="C30" s="25"/>
      <c r="D30" s="26">
        <v>1538825</v>
      </c>
      <c r="E30" s="26">
        <v>774902</v>
      </c>
      <c r="F30" s="26">
        <v>763923</v>
      </c>
      <c r="G30" s="26">
        <v>754576</v>
      </c>
      <c r="H30" s="27">
        <v>2.0393240707364138</v>
      </c>
      <c r="I30" s="26">
        <v>10760.261520173415</v>
      </c>
      <c r="J30" s="28">
        <v>101.43718673217066</v>
      </c>
      <c r="K30" s="29">
        <v>16.669867775257693</v>
      </c>
    </row>
    <row r="31" spans="1:11" ht="9.75" customHeight="1" x14ac:dyDescent="0.15">
      <c r="A31" s="19"/>
      <c r="B31" s="20" t="s">
        <v>38</v>
      </c>
      <c r="C31" s="4"/>
      <c r="D31" s="21">
        <v>230553</v>
      </c>
      <c r="E31" s="21">
        <v>123835</v>
      </c>
      <c r="F31" s="21">
        <v>106718</v>
      </c>
      <c r="G31" s="21">
        <v>123290</v>
      </c>
      <c r="H31" s="22">
        <v>1.8700056776705329</v>
      </c>
      <c r="I31" s="21">
        <v>5832.3551732861115</v>
      </c>
      <c r="J31" s="23">
        <v>116.0394685057816</v>
      </c>
      <c r="K31" s="24">
        <v>2.4975471708537276</v>
      </c>
    </row>
    <row r="32" spans="1:11" ht="9.75" customHeight="1" x14ac:dyDescent="0.15">
      <c r="A32" s="19"/>
      <c r="B32" s="20" t="s">
        <v>39</v>
      </c>
      <c r="C32" s="4"/>
      <c r="D32" s="21">
        <v>171272</v>
      </c>
      <c r="E32" s="21">
        <v>86533</v>
      </c>
      <c r="F32" s="21">
        <v>84739</v>
      </c>
      <c r="G32" s="21">
        <v>80522</v>
      </c>
      <c r="H32" s="22">
        <v>2.1270211867564144</v>
      </c>
      <c r="I32" s="21">
        <v>17110.089910089911</v>
      </c>
      <c r="J32" s="23">
        <v>102.11708894369771</v>
      </c>
      <c r="K32" s="24">
        <v>1.8553647059307823</v>
      </c>
    </row>
    <row r="33" spans="1:11" ht="9.75" customHeight="1" x14ac:dyDescent="0.15">
      <c r="A33" s="19"/>
      <c r="B33" s="20" t="s">
        <v>40</v>
      </c>
      <c r="C33" s="4"/>
      <c r="D33" s="21">
        <v>264214</v>
      </c>
      <c r="E33" s="21">
        <v>133771</v>
      </c>
      <c r="F33" s="21">
        <v>130443</v>
      </c>
      <c r="G33" s="21">
        <v>135997</v>
      </c>
      <c r="H33" s="22">
        <v>1.9427928557247587</v>
      </c>
      <c r="I33" s="21">
        <v>17924.96607869742</v>
      </c>
      <c r="J33" s="23">
        <v>102.55130593439279</v>
      </c>
      <c r="K33" s="24">
        <v>2.8621918960063271</v>
      </c>
    </row>
    <row r="34" spans="1:11" ht="9.75" customHeight="1" x14ac:dyDescent="0.15">
      <c r="A34" s="19"/>
      <c r="B34" s="20" t="s">
        <v>41</v>
      </c>
      <c r="C34" s="4"/>
      <c r="D34" s="21">
        <v>234478</v>
      </c>
      <c r="E34" s="21">
        <v>116257</v>
      </c>
      <c r="F34" s="21">
        <v>118221</v>
      </c>
      <c r="G34" s="21">
        <v>114918</v>
      </c>
      <c r="H34" s="22">
        <v>2.0403940200838857</v>
      </c>
      <c r="I34" s="21">
        <v>14332.396088019561</v>
      </c>
      <c r="J34" s="23">
        <v>98.338704629465155</v>
      </c>
      <c r="K34" s="24">
        <v>2.540066125912221</v>
      </c>
    </row>
    <row r="35" spans="1:11" ht="9.75" customHeight="1" x14ac:dyDescent="0.15">
      <c r="A35" s="19"/>
      <c r="B35" s="20" t="s">
        <v>42</v>
      </c>
      <c r="C35" s="4"/>
      <c r="D35" s="21">
        <v>234394</v>
      </c>
      <c r="E35" s="21">
        <v>113621</v>
      </c>
      <c r="F35" s="21">
        <v>120773</v>
      </c>
      <c r="G35" s="21">
        <v>103724</v>
      </c>
      <c r="H35" s="22">
        <v>2.2597855848212562</v>
      </c>
      <c r="I35" s="21">
        <v>12595.056421278883</v>
      </c>
      <c r="J35" s="23">
        <v>94.078146605615501</v>
      </c>
      <c r="K35" s="24">
        <v>2.5391561661096955</v>
      </c>
    </row>
    <row r="36" spans="1:11" ht="9.75" customHeight="1" x14ac:dyDescent="0.15">
      <c r="A36" s="19"/>
      <c r="B36" s="20" t="s">
        <v>43</v>
      </c>
      <c r="C36" s="4"/>
      <c r="D36" s="21">
        <v>223088</v>
      </c>
      <c r="E36" s="21">
        <v>113612</v>
      </c>
      <c r="F36" s="21">
        <v>109476</v>
      </c>
      <c r="G36" s="21">
        <v>115760</v>
      </c>
      <c r="H36" s="22">
        <v>1.9271596406357983</v>
      </c>
      <c r="I36" s="21">
        <v>10882.341463414634</v>
      </c>
      <c r="J36" s="23">
        <v>103.77799700390953</v>
      </c>
      <c r="K36" s="24">
        <v>2.4166799098316498</v>
      </c>
    </row>
    <row r="37" spans="1:11" ht="9.75" customHeight="1" x14ac:dyDescent="0.15">
      <c r="A37" s="19"/>
      <c r="B37" s="20" t="s">
        <v>44</v>
      </c>
      <c r="C37" s="4"/>
      <c r="D37" s="21">
        <v>180826</v>
      </c>
      <c r="E37" s="21">
        <v>87273</v>
      </c>
      <c r="F37" s="21">
        <v>93553</v>
      </c>
      <c r="G37" s="21">
        <v>80365</v>
      </c>
      <c r="H37" s="22">
        <v>2.250059105331923</v>
      </c>
      <c r="I37" s="21">
        <v>7777.4623655913974</v>
      </c>
      <c r="J37" s="23">
        <v>93.287227560847867</v>
      </c>
      <c r="K37" s="24">
        <v>1.9588618006132912</v>
      </c>
    </row>
    <row r="38" spans="1:11" ht="3.75" customHeight="1" x14ac:dyDescent="0.15">
      <c r="A38" s="19"/>
      <c r="B38" s="20"/>
      <c r="C38" s="4"/>
      <c r="D38" s="21"/>
      <c r="E38" s="21"/>
      <c r="F38" s="21"/>
      <c r="G38" s="21"/>
      <c r="H38" s="22"/>
      <c r="I38" s="21"/>
      <c r="J38" s="23"/>
      <c r="K38" s="24"/>
    </row>
    <row r="39" spans="1:11" ht="9.75" customHeight="1" x14ac:dyDescent="0.15">
      <c r="A39" s="37" t="s">
        <v>45</v>
      </c>
      <c r="B39" s="38"/>
      <c r="C39" s="25"/>
      <c r="D39" s="26">
        <v>726025</v>
      </c>
      <c r="E39" s="26">
        <v>361887</v>
      </c>
      <c r="F39" s="26">
        <v>364138</v>
      </c>
      <c r="G39" s="26">
        <v>337669</v>
      </c>
      <c r="H39" s="27">
        <v>2.1501085382430722</v>
      </c>
      <c r="I39" s="26">
        <v>2207.3667568635797</v>
      </c>
      <c r="J39" s="28">
        <v>99.381827768593226</v>
      </c>
      <c r="K39" s="29">
        <v>7.8649234003421231</v>
      </c>
    </row>
    <row r="40" spans="1:11" ht="9.75" customHeight="1" x14ac:dyDescent="0.15">
      <c r="A40" s="19"/>
      <c r="B40" s="20" t="s">
        <v>30</v>
      </c>
      <c r="C40" s="4"/>
      <c r="D40" s="21">
        <v>169461</v>
      </c>
      <c r="E40" s="21">
        <v>85121</v>
      </c>
      <c r="F40" s="21">
        <v>84340</v>
      </c>
      <c r="G40" s="21">
        <v>75830</v>
      </c>
      <c r="H40" s="22">
        <v>2.2347487801661612</v>
      </c>
      <c r="I40" s="21">
        <v>667.35320757689124</v>
      </c>
      <c r="J40" s="23">
        <v>100.92601375385345</v>
      </c>
      <c r="K40" s="24">
        <v>1.835746405902519</v>
      </c>
    </row>
    <row r="41" spans="1:11" ht="9.75" customHeight="1" x14ac:dyDescent="0.15">
      <c r="A41" s="19"/>
      <c r="B41" s="20" t="s">
        <v>46</v>
      </c>
      <c r="C41" s="4"/>
      <c r="D41" s="21">
        <v>274070</v>
      </c>
      <c r="E41" s="21">
        <v>136978</v>
      </c>
      <c r="F41" s="21">
        <v>137092</v>
      </c>
      <c r="G41" s="21">
        <v>126705</v>
      </c>
      <c r="H41" s="22">
        <v>2.1630559172881889</v>
      </c>
      <c r="I41" s="21">
        <v>7433.4147002983464</v>
      </c>
      <c r="J41" s="23">
        <v>99.916844163043791</v>
      </c>
      <c r="K41" s="24">
        <v>2.9689605128360124</v>
      </c>
    </row>
    <row r="42" spans="1:11" ht="9.75" customHeight="1" x14ac:dyDescent="0.15">
      <c r="A42" s="19"/>
      <c r="B42" s="20" t="s">
        <v>23</v>
      </c>
      <c r="C42" s="4"/>
      <c r="D42" s="21">
        <v>282494</v>
      </c>
      <c r="E42" s="21">
        <v>139788</v>
      </c>
      <c r="F42" s="21">
        <v>142706</v>
      </c>
      <c r="G42" s="21">
        <v>135134</v>
      </c>
      <c r="H42" s="22">
        <v>2.0904731599745436</v>
      </c>
      <c r="I42" s="21">
        <v>7412.595119391236</v>
      </c>
      <c r="J42" s="23">
        <v>97.955236640365513</v>
      </c>
      <c r="K42" s="24">
        <v>3.0602164816035917</v>
      </c>
    </row>
    <row r="43" spans="1:11" ht="3.75" customHeight="1" x14ac:dyDescent="0.15">
      <c r="A43" s="19"/>
      <c r="B43" s="20"/>
      <c r="C43" s="4"/>
      <c r="D43" s="21"/>
      <c r="E43" s="21"/>
      <c r="F43" s="21"/>
      <c r="G43" s="21"/>
      <c r="H43" s="22"/>
      <c r="I43" s="21"/>
      <c r="J43" s="23"/>
      <c r="K43" s="24"/>
    </row>
    <row r="44" spans="1:11" ht="9.75" customHeight="1" x14ac:dyDescent="0.15">
      <c r="A44" s="56" t="s">
        <v>47</v>
      </c>
      <c r="B44" s="57"/>
      <c r="C44" s="4"/>
      <c r="D44" s="21">
        <v>383260</v>
      </c>
      <c r="E44" s="21">
        <v>190994</v>
      </c>
      <c r="F44" s="21">
        <v>192266</v>
      </c>
      <c r="G44" s="21">
        <v>165671</v>
      </c>
      <c r="H44" s="22">
        <v>2.3133801329140282</v>
      </c>
      <c r="I44" s="21">
        <v>3801.4282880380879</v>
      </c>
      <c r="J44" s="23">
        <v>99.338416568712091</v>
      </c>
      <c r="K44" s="24">
        <v>4.1517999275715329</v>
      </c>
    </row>
    <row r="45" spans="1:11" ht="9.75" customHeight="1" x14ac:dyDescent="0.15">
      <c r="A45" s="56" t="s">
        <v>48</v>
      </c>
      <c r="B45" s="57"/>
      <c r="C45" s="4"/>
      <c r="D45" s="21">
        <v>257631</v>
      </c>
      <c r="E45" s="21">
        <v>128573</v>
      </c>
      <c r="F45" s="21">
        <v>129058</v>
      </c>
      <c r="G45" s="21">
        <v>113453</v>
      </c>
      <c r="H45" s="22">
        <v>2.2708169902955411</v>
      </c>
      <c r="I45" s="21">
        <v>3798.7466823945742</v>
      </c>
      <c r="J45" s="23">
        <v>99.624199972105572</v>
      </c>
      <c r="K45" s="24">
        <v>2.7908792129107693</v>
      </c>
    </row>
    <row r="46" spans="1:11" ht="9.75" customHeight="1" x14ac:dyDescent="0.15">
      <c r="A46" s="56" t="s">
        <v>49</v>
      </c>
      <c r="B46" s="57"/>
      <c r="C46" s="4"/>
      <c r="D46" s="21">
        <v>172698</v>
      </c>
      <c r="E46" s="21">
        <v>81089</v>
      </c>
      <c r="F46" s="21">
        <v>91609</v>
      </c>
      <c r="G46" s="21">
        <v>76470</v>
      </c>
      <c r="H46" s="22">
        <v>2.2583758336602591</v>
      </c>
      <c r="I46" s="21">
        <v>4353.3652634232412</v>
      </c>
      <c r="J46" s="23">
        <v>88.516412142911733</v>
      </c>
      <c r="K46" s="24">
        <v>1.8708123568641357</v>
      </c>
    </row>
    <row r="47" spans="1:11" ht="9.75" customHeight="1" x14ac:dyDescent="0.15">
      <c r="A47" s="56" t="s">
        <v>50</v>
      </c>
      <c r="B47" s="57"/>
      <c r="C47" s="4"/>
      <c r="D47" s="21">
        <v>441708</v>
      </c>
      <c r="E47" s="21">
        <v>218078</v>
      </c>
      <c r="F47" s="21">
        <v>223630</v>
      </c>
      <c r="G47" s="21">
        <v>197827</v>
      </c>
      <c r="H47" s="22">
        <v>2.2327993651018314</v>
      </c>
      <c r="I47" s="21">
        <v>6350.0287521564114</v>
      </c>
      <c r="J47" s="23">
        <v>97.517327728837813</v>
      </c>
      <c r="K47" s="24">
        <v>4.7849586244527647</v>
      </c>
    </row>
    <row r="48" spans="1:11" ht="9.75" customHeight="1" x14ac:dyDescent="0.15">
      <c r="A48" s="56" t="s">
        <v>51</v>
      </c>
      <c r="B48" s="57"/>
      <c r="C48" s="4"/>
      <c r="D48" s="21">
        <v>188025</v>
      </c>
      <c r="E48" s="21">
        <v>90838</v>
      </c>
      <c r="F48" s="21">
        <v>97187</v>
      </c>
      <c r="G48" s="21">
        <v>82945</v>
      </c>
      <c r="H48" s="22">
        <v>2.2668635843028513</v>
      </c>
      <c r="I48" s="21">
        <v>1655.1496478873241</v>
      </c>
      <c r="J48" s="23">
        <v>93.467233271939662</v>
      </c>
      <c r="K48" s="24">
        <v>2.0368475222607039</v>
      </c>
    </row>
    <row r="49" spans="1:11" ht="9.75" customHeight="1" x14ac:dyDescent="0.15">
      <c r="A49" s="56" t="s">
        <v>52</v>
      </c>
      <c r="B49" s="57"/>
      <c r="C49" s="4"/>
      <c r="D49" s="21">
        <v>243835</v>
      </c>
      <c r="E49" s="21">
        <v>118155</v>
      </c>
      <c r="F49" s="21">
        <v>125680</v>
      </c>
      <c r="G49" s="21">
        <v>104552</v>
      </c>
      <c r="H49" s="22">
        <v>2.3321887673119597</v>
      </c>
      <c r="I49" s="21">
        <v>6830.1120448179263</v>
      </c>
      <c r="J49" s="23">
        <v>94.01257161043921</v>
      </c>
      <c r="K49" s="24">
        <v>2.6414291482007113</v>
      </c>
    </row>
    <row r="50" spans="1:11" ht="9.75" customHeight="1" x14ac:dyDescent="0.15">
      <c r="A50" s="56" t="s">
        <v>53</v>
      </c>
      <c r="B50" s="57"/>
      <c r="C50" s="4"/>
      <c r="D50" s="21">
        <v>56869</v>
      </c>
      <c r="E50" s="21">
        <v>26654</v>
      </c>
      <c r="F50" s="21">
        <v>30215</v>
      </c>
      <c r="G50" s="21">
        <v>25094</v>
      </c>
      <c r="H50" s="22">
        <v>2.2662389415796604</v>
      </c>
      <c r="I50" s="21">
        <v>3291.0300925925922</v>
      </c>
      <c r="J50" s="23">
        <v>88.21446301505874</v>
      </c>
      <c r="K50" s="24">
        <v>0.6160536191647068</v>
      </c>
    </row>
    <row r="51" spans="1:11" ht="9.75" customHeight="1" x14ac:dyDescent="0.15">
      <c r="A51" s="56" t="s">
        <v>54</v>
      </c>
      <c r="B51" s="57"/>
      <c r="C51" s="4"/>
      <c r="D51" s="21">
        <v>41361</v>
      </c>
      <c r="E51" s="21">
        <v>19799</v>
      </c>
      <c r="F51" s="21">
        <v>21562</v>
      </c>
      <c r="G51" s="21">
        <v>17162</v>
      </c>
      <c r="H51" s="22">
        <v>2.4100337955949191</v>
      </c>
      <c r="I51" s="21">
        <v>1290.5148205928238</v>
      </c>
      <c r="J51" s="23">
        <v>91.823578517762726</v>
      </c>
      <c r="K51" s="24">
        <v>0.44805770705079107</v>
      </c>
    </row>
    <row r="52" spans="1:11" ht="9.75" customHeight="1" x14ac:dyDescent="0.15">
      <c r="A52" s="56" t="s">
        <v>55</v>
      </c>
      <c r="B52" s="57"/>
      <c r="C52" s="4"/>
      <c r="D52" s="21">
        <v>161949</v>
      </c>
      <c r="E52" s="21">
        <v>81810</v>
      </c>
      <c r="F52" s="21">
        <v>80139</v>
      </c>
      <c r="G52" s="21">
        <v>71155</v>
      </c>
      <c r="H52" s="22">
        <v>2.276003091841754</v>
      </c>
      <c r="I52" s="21">
        <v>1560.8037779491133</v>
      </c>
      <c r="J52" s="23">
        <v>102.0851270916782</v>
      </c>
      <c r="K52" s="24">
        <v>1.7543700007052188</v>
      </c>
    </row>
    <row r="53" spans="1:11" ht="9.75" customHeight="1" x14ac:dyDescent="0.15">
      <c r="A53" s="56" t="s">
        <v>56</v>
      </c>
      <c r="B53" s="57"/>
      <c r="C53" s="4"/>
      <c r="D53" s="21">
        <v>223571</v>
      </c>
      <c r="E53" s="21">
        <v>115181</v>
      </c>
      <c r="F53" s="21">
        <v>108390</v>
      </c>
      <c r="G53" s="21">
        <v>101737</v>
      </c>
      <c r="H53" s="22">
        <v>2.197538751879847</v>
      </c>
      <c r="I53" s="21">
        <v>2382.4701619778343</v>
      </c>
      <c r="J53" s="23">
        <v>106.26533813082388</v>
      </c>
      <c r="K53" s="24">
        <v>2.4219121786961728</v>
      </c>
    </row>
    <row r="54" spans="1:11" ht="9.75" customHeight="1" x14ac:dyDescent="0.15">
      <c r="A54" s="56" t="s">
        <v>57</v>
      </c>
      <c r="B54" s="57"/>
      <c r="C54" s="4"/>
      <c r="D54" s="21">
        <v>241583</v>
      </c>
      <c r="E54" s="21">
        <v>120406</v>
      </c>
      <c r="F54" s="21">
        <v>121177</v>
      </c>
      <c r="G54" s="21">
        <v>112879</v>
      </c>
      <c r="H54" s="22">
        <v>2.1401943674199808</v>
      </c>
      <c r="I54" s="21">
        <v>8917.7925433739383</v>
      </c>
      <c r="J54" s="23">
        <v>99.363740643851557</v>
      </c>
      <c r="K54" s="24">
        <v>2.6170335592091885</v>
      </c>
    </row>
    <row r="55" spans="1:11" ht="9.75" customHeight="1" x14ac:dyDescent="0.15">
      <c r="A55" s="56" t="s">
        <v>58</v>
      </c>
      <c r="B55" s="57"/>
      <c r="C55" s="4"/>
      <c r="D55" s="21">
        <v>101113</v>
      </c>
      <c r="E55" s="21">
        <v>51115</v>
      </c>
      <c r="F55" s="21">
        <v>49998</v>
      </c>
      <c r="G55" s="21">
        <v>45541</v>
      </c>
      <c r="H55" s="22">
        <v>2.2202630596605255</v>
      </c>
      <c r="I55" s="21">
        <v>1819.8884089272858</v>
      </c>
      <c r="J55" s="23">
        <v>102.23408936357454</v>
      </c>
      <c r="K55" s="24">
        <v>1.0953424465807555</v>
      </c>
    </row>
    <row r="56" spans="1:11" ht="9.75" customHeight="1" x14ac:dyDescent="0.15">
      <c r="A56" s="56" t="s">
        <v>59</v>
      </c>
      <c r="B56" s="57"/>
      <c r="C56" s="4"/>
      <c r="D56" s="21">
        <v>137523</v>
      </c>
      <c r="E56" s="21">
        <v>69092</v>
      </c>
      <c r="F56" s="21">
        <v>68431</v>
      </c>
      <c r="G56" s="21">
        <v>59509</v>
      </c>
      <c r="H56" s="22">
        <v>2.3109613671881566</v>
      </c>
      <c r="I56" s="21">
        <v>5171.9819481007899</v>
      </c>
      <c r="J56" s="23">
        <v>100.96593649077172</v>
      </c>
      <c r="K56" s="24">
        <v>1.4897666895564887</v>
      </c>
    </row>
    <row r="57" spans="1:11" ht="9.75" customHeight="1" x14ac:dyDescent="0.15">
      <c r="A57" s="56" t="s">
        <v>60</v>
      </c>
      <c r="B57" s="57"/>
      <c r="C57" s="4"/>
      <c r="D57" s="21">
        <v>132260</v>
      </c>
      <c r="E57" s="21">
        <v>65822</v>
      </c>
      <c r="F57" s="21">
        <v>66438</v>
      </c>
      <c r="G57" s="21">
        <v>60797</v>
      </c>
      <c r="H57" s="22">
        <v>2.1754362879747355</v>
      </c>
      <c r="I57" s="21">
        <v>7527.6038702333526</v>
      </c>
      <c r="J57" s="23">
        <v>99.072819771817336</v>
      </c>
      <c r="K57" s="24">
        <v>1.4327533747863355</v>
      </c>
    </row>
    <row r="58" spans="1:11" ht="9.75" customHeight="1" x14ac:dyDescent="0.15">
      <c r="A58" s="56" t="s">
        <v>61</v>
      </c>
      <c r="B58" s="57"/>
      <c r="C58" s="4"/>
      <c r="D58" s="21">
        <v>40332</v>
      </c>
      <c r="E58" s="21">
        <v>19732</v>
      </c>
      <c r="F58" s="21">
        <v>20600</v>
      </c>
      <c r="G58" s="21">
        <v>16339</v>
      </c>
      <c r="H58" s="22">
        <v>2.468449721525185</v>
      </c>
      <c r="I58" s="21">
        <v>522.97717842323652</v>
      </c>
      <c r="J58" s="23">
        <v>95.786407766990294</v>
      </c>
      <c r="K58" s="24">
        <v>0.43691069946985095</v>
      </c>
    </row>
    <row r="59" spans="1:11" ht="9.75" customHeight="1" x14ac:dyDescent="0.15">
      <c r="A59" s="56" t="s">
        <v>62</v>
      </c>
      <c r="B59" s="57"/>
      <c r="C59" s="4"/>
      <c r="D59" s="21">
        <v>83304</v>
      </c>
      <c r="E59" s="21">
        <v>42175</v>
      </c>
      <c r="F59" s="21">
        <v>41129</v>
      </c>
      <c r="G59" s="21">
        <v>34955</v>
      </c>
      <c r="H59" s="22">
        <v>2.3831783721928192</v>
      </c>
      <c r="I59" s="21">
        <v>3762.6016260162601</v>
      </c>
      <c r="J59" s="23">
        <v>102.54321768095505</v>
      </c>
      <c r="K59" s="24">
        <v>0.90242013559051026</v>
      </c>
    </row>
    <row r="60" spans="1:11" ht="3.75" customHeight="1" x14ac:dyDescent="0.15">
      <c r="A60" s="19"/>
      <c r="B60" s="20"/>
      <c r="C60" s="4"/>
      <c r="D60" s="21"/>
      <c r="E60" s="21"/>
      <c r="F60" s="21"/>
      <c r="G60" s="21"/>
      <c r="H60" s="22"/>
      <c r="I60" s="21"/>
      <c r="J60" s="23"/>
      <c r="K60" s="24"/>
    </row>
    <row r="61" spans="1:11" ht="9.75" customHeight="1" x14ac:dyDescent="0.15">
      <c r="A61" s="56" t="s">
        <v>63</v>
      </c>
      <c r="B61" s="57"/>
      <c r="C61" s="4"/>
      <c r="D61" s="21">
        <v>31651</v>
      </c>
      <c r="E61" s="21">
        <v>14872</v>
      </c>
      <c r="F61" s="21">
        <v>16779</v>
      </c>
      <c r="G61" s="21">
        <v>13105</v>
      </c>
      <c r="H61" s="22">
        <v>2.4151850438763831</v>
      </c>
      <c r="I61" s="21">
        <v>1857.4530516431926</v>
      </c>
      <c r="J61" s="23">
        <v>88.634602777281117</v>
      </c>
      <c r="K61" s="24">
        <v>0.3428706870207342</v>
      </c>
    </row>
    <row r="62" spans="1:11" ht="3.75" customHeight="1" x14ac:dyDescent="0.15">
      <c r="A62" s="19"/>
      <c r="B62" s="20"/>
      <c r="C62" s="4"/>
      <c r="D62" s="21"/>
      <c r="E62" s="21"/>
      <c r="F62" s="21"/>
      <c r="G62" s="21"/>
      <c r="H62" s="22"/>
      <c r="I62" s="21"/>
      <c r="J62" s="23"/>
      <c r="K62" s="24"/>
    </row>
    <row r="63" spans="1:11" ht="9.75" customHeight="1" x14ac:dyDescent="0.15">
      <c r="A63" s="56" t="s">
        <v>64</v>
      </c>
      <c r="B63" s="57"/>
      <c r="C63" s="4"/>
      <c r="D63" s="21">
        <v>48570</v>
      </c>
      <c r="E63" s="21">
        <v>24595</v>
      </c>
      <c r="F63" s="21">
        <v>23975</v>
      </c>
      <c r="G63" s="21">
        <v>20192</v>
      </c>
      <c r="H63" s="22">
        <v>2.4054080824088748</v>
      </c>
      <c r="I63" s="21">
        <v>3640.9295352323838</v>
      </c>
      <c r="J63" s="23">
        <v>102.58602711157457</v>
      </c>
      <c r="K63" s="24">
        <v>0.52615175724612362</v>
      </c>
    </row>
    <row r="64" spans="1:11" ht="3.75" customHeight="1" x14ac:dyDescent="0.15">
      <c r="A64" s="19"/>
      <c r="B64" s="20"/>
      <c r="C64" s="4"/>
      <c r="D64" s="21"/>
      <c r="E64" s="21"/>
      <c r="F64" s="21"/>
      <c r="G64" s="21"/>
      <c r="H64" s="22"/>
      <c r="I64" s="21"/>
      <c r="J64" s="23"/>
      <c r="K64" s="24"/>
    </row>
    <row r="65" spans="1:11" ht="9.75" customHeight="1" x14ac:dyDescent="0.15">
      <c r="A65" s="37" t="s">
        <v>65</v>
      </c>
      <c r="B65" s="38"/>
      <c r="C65" s="25"/>
      <c r="D65" s="26">
        <v>58830</v>
      </c>
      <c r="E65" s="26">
        <v>28504</v>
      </c>
      <c r="F65" s="26">
        <v>30326</v>
      </c>
      <c r="G65" s="26">
        <v>24410</v>
      </c>
      <c r="H65" s="27">
        <v>2.4100778369520688</v>
      </c>
      <c r="I65" s="26">
        <v>2241.1428571428573</v>
      </c>
      <c r="J65" s="28">
        <v>93.991954098793116</v>
      </c>
      <c r="K65" s="29">
        <v>0.63729684741176562</v>
      </c>
    </row>
    <row r="66" spans="1:11" ht="9.75" customHeight="1" x14ac:dyDescent="0.15">
      <c r="A66" s="19"/>
      <c r="B66" s="20" t="s">
        <v>66</v>
      </c>
      <c r="C66" s="4"/>
      <c r="D66" s="21">
        <v>31461</v>
      </c>
      <c r="E66" s="21">
        <v>15342</v>
      </c>
      <c r="F66" s="21">
        <v>16119</v>
      </c>
      <c r="G66" s="21">
        <v>12794</v>
      </c>
      <c r="H66" s="22">
        <v>2.4590433015476005</v>
      </c>
      <c r="I66" s="21">
        <v>1831.2572759022119</v>
      </c>
      <c r="J66" s="23">
        <v>95.179601712265026</v>
      </c>
      <c r="K66" s="24">
        <v>0.34081244461025934</v>
      </c>
    </row>
    <row r="67" spans="1:11" ht="9.75" customHeight="1" x14ac:dyDescent="0.15">
      <c r="A67" s="19"/>
      <c r="B67" s="20" t="s">
        <v>67</v>
      </c>
      <c r="C67" s="4"/>
      <c r="D67" s="21">
        <v>27369</v>
      </c>
      <c r="E67" s="21">
        <v>13162</v>
      </c>
      <c r="F67" s="21">
        <v>14207</v>
      </c>
      <c r="G67" s="21">
        <v>11616</v>
      </c>
      <c r="H67" s="22">
        <v>2.3561466942148761</v>
      </c>
      <c r="I67" s="21">
        <v>3014.2070484581495</v>
      </c>
      <c r="J67" s="23">
        <v>92.64447103540509</v>
      </c>
      <c r="K67" s="24">
        <v>0.29648440280150623</v>
      </c>
    </row>
    <row r="68" spans="1:11" ht="3.75" customHeight="1" x14ac:dyDescent="0.15">
      <c r="A68" s="19"/>
      <c r="B68" s="20"/>
      <c r="C68" s="4"/>
      <c r="D68" s="21"/>
      <c r="E68" s="21"/>
      <c r="F68" s="21"/>
      <c r="G68" s="21"/>
      <c r="H68" s="22"/>
      <c r="I68" s="21"/>
      <c r="J68" s="23"/>
      <c r="K68" s="24"/>
    </row>
    <row r="69" spans="1:11" ht="9.75" customHeight="1" x14ac:dyDescent="0.15">
      <c r="A69" s="37" t="s">
        <v>68</v>
      </c>
      <c r="B69" s="38"/>
      <c r="C69" s="25"/>
      <c r="D69" s="26">
        <v>65025</v>
      </c>
      <c r="E69" s="26">
        <v>31999</v>
      </c>
      <c r="F69" s="26">
        <v>33026</v>
      </c>
      <c r="G69" s="26">
        <v>25833</v>
      </c>
      <c r="H69" s="27">
        <v>2.5171292532806877</v>
      </c>
      <c r="I69" s="26">
        <v>214.40582959641259</v>
      </c>
      <c r="J69" s="28">
        <v>96.890328831829464</v>
      </c>
      <c r="K69" s="29">
        <v>0.70440638284803769</v>
      </c>
    </row>
    <row r="70" spans="1:11" ht="9.75" customHeight="1" x14ac:dyDescent="0.15">
      <c r="A70" s="19"/>
      <c r="B70" s="20" t="s">
        <v>69</v>
      </c>
      <c r="C70" s="4"/>
      <c r="D70" s="21">
        <v>9100</v>
      </c>
      <c r="E70" s="21">
        <v>4544</v>
      </c>
      <c r="F70" s="21">
        <v>4556</v>
      </c>
      <c r="G70" s="21">
        <v>3415</v>
      </c>
      <c r="H70" s="22">
        <v>2.664714494875549</v>
      </c>
      <c r="I70" s="21">
        <v>455.22761380690349</v>
      </c>
      <c r="J70" s="23">
        <v>99.736611062335385</v>
      </c>
      <c r="K70" s="24">
        <v>9.857897860695336E-2</v>
      </c>
    </row>
    <row r="71" spans="1:11" ht="9.75" customHeight="1" x14ac:dyDescent="0.15">
      <c r="A71" s="19"/>
      <c r="B71" s="20" t="s">
        <v>70</v>
      </c>
      <c r="C71" s="4"/>
      <c r="D71" s="21">
        <v>17195</v>
      </c>
      <c r="E71" s="21">
        <v>8431</v>
      </c>
      <c r="F71" s="21">
        <v>8764</v>
      </c>
      <c r="G71" s="21">
        <v>6847</v>
      </c>
      <c r="H71" s="22">
        <v>2.5113188257631078</v>
      </c>
      <c r="I71" s="21">
        <v>1195.7579972183587</v>
      </c>
      <c r="J71" s="23">
        <v>96.200365130077586</v>
      </c>
      <c r="K71" s="24">
        <v>0.18627093814797399</v>
      </c>
    </row>
    <row r="72" spans="1:11" ht="9.75" customHeight="1" x14ac:dyDescent="0.15">
      <c r="A72" s="19"/>
      <c r="B72" s="20" t="s">
        <v>71</v>
      </c>
      <c r="C72" s="4"/>
      <c r="D72" s="21">
        <v>10613</v>
      </c>
      <c r="E72" s="21">
        <v>5271</v>
      </c>
      <c r="F72" s="21">
        <v>5342</v>
      </c>
      <c r="G72" s="21">
        <v>4539</v>
      </c>
      <c r="H72" s="22">
        <v>2.3381802159065872</v>
      </c>
      <c r="I72" s="21">
        <v>281.13907284768214</v>
      </c>
      <c r="J72" s="23">
        <v>98.670909771621112</v>
      </c>
      <c r="K72" s="24">
        <v>0.11496908790720836</v>
      </c>
    </row>
    <row r="73" spans="1:11" ht="9.75" customHeight="1" x14ac:dyDescent="0.15">
      <c r="A73" s="19"/>
      <c r="B73" s="20" t="s">
        <v>72</v>
      </c>
      <c r="C73" s="4"/>
      <c r="D73" s="21">
        <v>9556</v>
      </c>
      <c r="E73" s="21">
        <v>4733</v>
      </c>
      <c r="F73" s="21">
        <v>4823</v>
      </c>
      <c r="G73" s="21">
        <v>3931</v>
      </c>
      <c r="H73" s="22">
        <v>2.4309336046807428</v>
      </c>
      <c r="I73" s="21">
        <v>42.544855527358528</v>
      </c>
      <c r="J73" s="23">
        <v>98.133941530167945</v>
      </c>
      <c r="K73" s="24">
        <v>0.10351876039209301</v>
      </c>
    </row>
    <row r="74" spans="1:11" ht="9.75" customHeight="1" x14ac:dyDescent="0.15">
      <c r="A74" s="19"/>
      <c r="B74" s="20" t="s">
        <v>73</v>
      </c>
      <c r="C74" s="4"/>
      <c r="D74" s="21">
        <v>18561</v>
      </c>
      <c r="E74" s="21">
        <v>9020</v>
      </c>
      <c r="F74" s="21">
        <v>9541</v>
      </c>
      <c r="G74" s="21">
        <v>7101</v>
      </c>
      <c r="H74" s="22">
        <v>2.6138572032108152</v>
      </c>
      <c r="I74" s="21">
        <v>2833.7404580152674</v>
      </c>
      <c r="J74" s="23">
        <v>94.539356461586834</v>
      </c>
      <c r="K74" s="24">
        <v>0.20106861779380894</v>
      </c>
    </row>
    <row r="75" spans="1:11" ht="3.75" customHeight="1" x14ac:dyDescent="0.15">
      <c r="A75" s="19"/>
      <c r="B75" s="20"/>
      <c r="C75" s="4"/>
      <c r="D75" s="21"/>
      <c r="E75" s="21"/>
      <c r="F75" s="21"/>
      <c r="G75" s="21"/>
      <c r="H75" s="22"/>
      <c r="I75" s="21"/>
      <c r="J75" s="23"/>
      <c r="K75" s="24"/>
    </row>
    <row r="76" spans="1:11" ht="9.75" customHeight="1" x14ac:dyDescent="0.15">
      <c r="A76" s="37" t="s">
        <v>74</v>
      </c>
      <c r="B76" s="38"/>
      <c r="C76" s="25"/>
      <c r="D76" s="26">
        <v>40698</v>
      </c>
      <c r="E76" s="26">
        <v>19094</v>
      </c>
      <c r="F76" s="26">
        <v>21604</v>
      </c>
      <c r="G76" s="26">
        <v>19938</v>
      </c>
      <c r="H76" s="27">
        <v>2.0412278061992177</v>
      </c>
      <c r="I76" s="26">
        <v>288.90466387449419</v>
      </c>
      <c r="J76" s="28">
        <v>88.381781151638577</v>
      </c>
      <c r="K76" s="29">
        <v>0.44087552432371302</v>
      </c>
    </row>
    <row r="77" spans="1:11" ht="9.75" customHeight="1" x14ac:dyDescent="0.15">
      <c r="A77" s="19"/>
      <c r="B77" s="20" t="s">
        <v>75</v>
      </c>
      <c r="C77" s="4"/>
      <c r="D77" s="21">
        <v>11082</v>
      </c>
      <c r="E77" s="21">
        <v>5341</v>
      </c>
      <c r="F77" s="21">
        <v>5741</v>
      </c>
      <c r="G77" s="21">
        <v>6292</v>
      </c>
      <c r="H77" s="22">
        <v>1.7612841703750794</v>
      </c>
      <c r="I77" s="21">
        <v>119.34094335558906</v>
      </c>
      <c r="J77" s="23">
        <v>93.032572722522218</v>
      </c>
      <c r="K77" s="24">
        <v>0.12004969680464365</v>
      </c>
    </row>
    <row r="78" spans="1:11" ht="9.75" customHeight="1" x14ac:dyDescent="0.15">
      <c r="A78" s="19"/>
      <c r="B78" s="20" t="s">
        <v>76</v>
      </c>
      <c r="C78" s="4"/>
      <c r="D78" s="21">
        <v>6575</v>
      </c>
      <c r="E78" s="21">
        <v>3042</v>
      </c>
      <c r="F78" s="21">
        <v>3533</v>
      </c>
      <c r="G78" s="21">
        <v>2951</v>
      </c>
      <c r="H78" s="22">
        <v>2.2280582853270077</v>
      </c>
      <c r="I78" s="21">
        <v>932.6241134751773</v>
      </c>
      <c r="J78" s="23">
        <v>86.102462496461925</v>
      </c>
      <c r="K78" s="24">
        <v>7.12260202572218E-2</v>
      </c>
    </row>
    <row r="79" spans="1:11" ht="9.75" customHeight="1" x14ac:dyDescent="0.15">
      <c r="A79" s="19"/>
      <c r="B79" s="20" t="s">
        <v>77</v>
      </c>
      <c r="C79" s="4"/>
      <c r="D79" s="21">
        <v>23041</v>
      </c>
      <c r="E79" s="21">
        <v>10711</v>
      </c>
      <c r="F79" s="21">
        <v>12330</v>
      </c>
      <c r="G79" s="21">
        <v>10695</v>
      </c>
      <c r="H79" s="22">
        <v>2.1543712014960263</v>
      </c>
      <c r="I79" s="21">
        <v>562.38711252135715</v>
      </c>
      <c r="J79" s="23">
        <v>86.869424168694238</v>
      </c>
      <c r="K79" s="24">
        <v>0.24959980726184755</v>
      </c>
    </row>
    <row r="80" spans="1:11" ht="3.75" customHeight="1" x14ac:dyDescent="0.15">
      <c r="A80" s="19"/>
      <c r="B80" s="20"/>
      <c r="C80" s="4"/>
      <c r="D80" s="21"/>
      <c r="E80" s="21"/>
      <c r="F80" s="21"/>
      <c r="G80" s="21"/>
      <c r="H80" s="22"/>
      <c r="I80" s="21"/>
      <c r="J80" s="23"/>
      <c r="K80" s="24"/>
    </row>
    <row r="81" spans="1:11" ht="9.75" customHeight="1" x14ac:dyDescent="0.15">
      <c r="A81" s="37" t="s">
        <v>78</v>
      </c>
      <c r="B81" s="38"/>
      <c r="C81" s="25"/>
      <c r="D81" s="26">
        <v>42502</v>
      </c>
      <c r="E81" s="26">
        <v>22228</v>
      </c>
      <c r="F81" s="26">
        <v>20274</v>
      </c>
      <c r="G81" s="26">
        <v>18331</v>
      </c>
      <c r="H81" s="27">
        <v>2.3185860018547815</v>
      </c>
      <c r="I81" s="26">
        <v>402.78620166793024</v>
      </c>
      <c r="J81" s="28">
        <v>109.63795994870279</v>
      </c>
      <c r="K81" s="29">
        <v>0.46041799436843206</v>
      </c>
    </row>
    <row r="82" spans="1:11" ht="9.75" customHeight="1" x14ac:dyDescent="0.15">
      <c r="A82" s="19"/>
      <c r="B82" s="20" t="s">
        <v>79</v>
      </c>
      <c r="C82" s="4"/>
      <c r="D82" s="21">
        <v>39492</v>
      </c>
      <c r="E82" s="21">
        <v>20692</v>
      </c>
      <c r="F82" s="21">
        <v>18800</v>
      </c>
      <c r="G82" s="21">
        <v>17198</v>
      </c>
      <c r="H82" s="22">
        <v>2.2963135248284683</v>
      </c>
      <c r="I82" s="21">
        <v>1152.0420070011669</v>
      </c>
      <c r="J82" s="23">
        <v>110.06382978723404</v>
      </c>
      <c r="K82" s="24">
        <v>0.42781110144459367</v>
      </c>
    </row>
    <row r="83" spans="1:11" ht="9.75" customHeight="1" x14ac:dyDescent="0.15">
      <c r="A83" s="19"/>
      <c r="B83" s="20" t="s">
        <v>80</v>
      </c>
      <c r="C83" s="4"/>
      <c r="D83" s="21">
        <v>3010</v>
      </c>
      <c r="E83" s="21">
        <v>1536</v>
      </c>
      <c r="F83" s="21">
        <v>1474</v>
      </c>
      <c r="G83" s="21">
        <v>1133</v>
      </c>
      <c r="H83" s="22">
        <v>2.6566637246248899</v>
      </c>
      <c r="I83" s="21">
        <v>42.251544076361597</v>
      </c>
      <c r="J83" s="23">
        <v>104.20624151967435</v>
      </c>
      <c r="K83" s="24">
        <v>3.2606892923838421E-2</v>
      </c>
    </row>
    <row r="84" spans="1:11" ht="3.75" customHeight="1" thickBot="1" x14ac:dyDescent="0.2">
      <c r="A84" s="30"/>
      <c r="B84" s="31"/>
      <c r="C84" s="31"/>
      <c r="D84" s="32"/>
      <c r="E84" s="32"/>
      <c r="F84" s="32"/>
      <c r="G84" s="32"/>
      <c r="H84" s="33"/>
      <c r="I84" s="32"/>
      <c r="J84" s="32"/>
      <c r="K84" s="34"/>
    </row>
    <row r="85" spans="1:11" ht="13.5" customHeight="1" x14ac:dyDescent="0.15">
      <c r="A85" s="36" t="s">
        <v>82</v>
      </c>
    </row>
    <row r="86" spans="1:11" x14ac:dyDescent="0.15">
      <c r="A86" s="35"/>
    </row>
  </sheetData>
  <mergeCells count="38"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39:B39"/>
    <mergeCell ref="A1:K1"/>
    <mergeCell ref="A2:C2"/>
    <mergeCell ref="I2:K2"/>
    <mergeCell ref="A3:C4"/>
    <mergeCell ref="D3:F3"/>
    <mergeCell ref="G3:G4"/>
    <mergeCell ref="H3:H4"/>
    <mergeCell ref="I3:I4"/>
    <mergeCell ref="J3:J4"/>
    <mergeCell ref="K3:K4"/>
    <mergeCell ref="A6:B6"/>
    <mergeCell ref="A7:B7"/>
    <mergeCell ref="A8:B8"/>
    <mergeCell ref="A10:B10"/>
    <mergeCell ref="A30:B30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参考1</vt:lpstr>
      <vt:lpstr>参考1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1-28T00:37:59Z</dcterms:created>
  <dcterms:modified xsi:type="dcterms:W3CDTF">2022-02-16T00:49:49Z</dcterms:modified>
</cp:coreProperties>
</file>